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3"/>
  <workbookPr/>
  <mc:AlternateContent xmlns:mc="http://schemas.openxmlformats.org/markup-compatibility/2006">
    <mc:Choice Requires="x15">
      <x15ac:absPath xmlns:x15ac="http://schemas.microsoft.com/office/spreadsheetml/2010/11/ac" url="\\s24\users$\hyttisan\Documents\"/>
    </mc:Choice>
  </mc:AlternateContent>
  <xr:revisionPtr revIDLastSave="0" documentId="8_{EC306095-C218-4E0D-BE52-191047AA8D34}" xr6:coauthVersionLast="36" xr6:coauthVersionMax="36" xr10:uidLastSave="{00000000-0000-0000-0000-000000000000}"/>
  <bookViews>
    <workbookView xWindow="0" yWindow="0" windowWidth="23040" windowHeight="8772" xr2:uid="{00000000-000D-0000-FFFF-FFFF00000000}"/>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3" uniqueCount="82">
  <si>
    <t>NAME OF INFORMATION SYSTEM</t>
  </si>
  <si>
    <t>INTENDED USE OF INFORMATION</t>
  </si>
  <si>
    <t>KEY DATA CONTENT</t>
  </si>
  <si>
    <t>E-submission of the financial data of pharmacies</t>
  </si>
  <si>
    <t>Annual collection of financial data from pharmacists</t>
  </si>
  <si>
    <t xml:space="preserve">Financial data of pharmacies submitted by pharmacists
</t>
  </si>
  <si>
    <t>Pharmacy register</t>
  </si>
  <si>
    <t>Pharmacy register (incl. Hospital pharmacies), medicine distribution register and operator register</t>
  </si>
  <si>
    <t xml:space="preserve">Pharmacy name and address
Name of pharmacist, date of birth, personal identity code, email, business ID
</t>
  </si>
  <si>
    <t>Cloudia</t>
  </si>
  <si>
    <t>Tendering system</t>
  </si>
  <si>
    <t>Agreements</t>
  </si>
  <si>
    <t>Record number</t>
  </si>
  <si>
    <t>Administrative record number</t>
  </si>
  <si>
    <t>Registered cases and documents until 2015
General, financial, personal matters, as well as data related to licences and notifications by actors
Name of sender, name of processer</t>
  </si>
  <si>
    <t>DORIS</t>
  </si>
  <si>
    <t>Retention of documents that are produced in different tasks for temporary or permanent retention</t>
  </si>
  <si>
    <t>E.g. medicinal product marketing authorisation application related data
Operating and work instructions
Project management documents
Management board minutes
Documents concerning the internal work of units and teams.</t>
  </si>
  <si>
    <t>Special permit register</t>
  </si>
  <si>
    <t>System for processing patient-specific special permits, for releasing products requiring special permits for consumption</t>
  </si>
  <si>
    <t>Medicinal product special permit applications and decisions including data on applied for/granted medicinal products.
Personal data: person’s name, personal identity code, sex, disease and the therapeutic grounds for the use of the medicinal product related to the user, purpose of the medicine (indication) and dosage
Medicinal product data: trade name, strength, medicine form, active substance. package size, amount, producer, importer, marketing authorisation holder and medicinal product wholesaler
Please note! Not a special permit product register.</t>
  </si>
  <si>
    <t>EURS</t>
  </si>
  <si>
    <t>The management of the marketing authorisation application materials received for processing</t>
  </si>
  <si>
    <t xml:space="preserve">Data contained in medicinal product marketing authorisation application
Name and work contact details for person who signed the application </t>
  </si>
  <si>
    <t>Geeni</t>
  </si>
  <si>
    <t xml:space="preserve">Gene technology supervisory register
</t>
  </si>
  <si>
    <t>Joint register / case management register for the Board for Gene Technology, Fimea, Finnish Food Authority and Finnish Environment Institute.
Gene technology permits and applications, documents related to supervision, the Board’s minutes, memos, requests for statements, letters.
Persons responsible for notifications and applications and their substitutes, last name, first name, birthdate as well as work contact details: address, phone, email</t>
  </si>
  <si>
    <t>Register for adverse drug reactions (human and veterinary)</t>
  </si>
  <si>
    <t>Registration and maintenance of adverse drug reaction data</t>
  </si>
  <si>
    <t xml:space="preserve">Patient personal date (personal identity code)
Information on the patients medications
Data on adverse drug reactions
Name and contact details for person who submitted notification
Data on animal
Data on medication
Data on adverse drug reactions
Name and contact details for person who submitted the notification
</t>
  </si>
  <si>
    <t>HANDI</t>
  </si>
  <si>
    <t>System for the processing of procurements/orders and invoices, starting 1 October 2018.</t>
  </si>
  <si>
    <t>Documentation related to procurements and invoices
Name of contact person for invoicing party</t>
  </si>
  <si>
    <t>KLIK</t>
  </si>
  <si>
    <t>Management system for clinical drug trials</t>
  </si>
  <si>
    <t>Registration and monitoring data on ongoing and completed clinical drug trials.</t>
  </si>
  <si>
    <t>Tissue establishment register</t>
  </si>
  <si>
    <t>Supervision of tissue establishments and management of operating permit related applications</t>
  </si>
  <si>
    <t xml:space="preserve">Name and address of tissue establishment
Named establishment’s contact person and their contact details
</t>
  </si>
  <si>
    <t>KURRE</t>
  </si>
  <si>
    <t xml:space="preserve"> Processing of the data in medicinal consumption databases</t>
  </si>
  <si>
    <t>Data reserve for information on consumption of medicinal products, information collected from pharmacies.</t>
  </si>
  <si>
    <t>Device register</t>
  </si>
  <si>
    <t>Supervision of medical devices and supplies</t>
  </si>
  <si>
    <t>Name, phone number, email, and organisation of person who submitted notification and address for their organisation.</t>
  </si>
  <si>
    <t>Lääke75+</t>
  </si>
  <si>
    <t>Recommendations for pharmacotherapy of older people</t>
  </si>
  <si>
    <t>Recommended medicinal products for the pharmacotherapy of older people</t>
  </si>
  <si>
    <t>Medicines Barometer</t>
  </si>
  <si>
    <t>Registers that contain Medicines Barometer data</t>
  </si>
  <si>
    <t>Information on the answers to regular surveys sent to consumers of medicinal products, data has been anonymised</t>
  </si>
  <si>
    <t>FimeaWeb</t>
  </si>
  <si>
    <t>Search tool medicinal products with marketing authorisation</t>
  </si>
  <si>
    <t>The package leaflets and product characteristics for medicinal products sold on the Finnish market</t>
  </si>
  <si>
    <t>Medicinal products with marketing authorisation and special permits can be scrolled through/searched for online.</t>
  </si>
  <si>
    <t>Medicinal products, their forms, package leaflets and cover information.</t>
  </si>
  <si>
    <t>Medicinal product wholesale register</t>
  </si>
  <si>
    <t>Business ID
permit holder’s address
addresses for offices
Name, phone number and email address of responsible person</t>
  </si>
  <si>
    <t>NDS (National Drug Control System)</t>
  </si>
  <si>
    <t>Management of import and export licences for drugs and psychotropic substances</t>
  </si>
  <si>
    <t>Processing of import and export licences for drugs, and maintaining country-specific quota date
Contact data for applicant organisations</t>
  </si>
  <si>
    <t>REKO</t>
  </si>
  <si>
    <t>Laboratory chemicals register</t>
  </si>
  <si>
    <t xml:space="preserve">Name of chemical, possible synonyms, CAS code, arrival date, date of expiry. Also quantity in stock for substances that are monitored more closely.
</t>
  </si>
  <si>
    <t>SAGA</t>
  </si>
  <si>
    <t>Registration and processing data for marketing authorisations of medicinal products</t>
  </si>
  <si>
    <t>Name of organisation applying for marketing authorisation, contact details for the marketing authorisation holder’s contact person, name of medicinal product, register number, marketing authorisation number, process number, processing phase details, contact details for processer</t>
  </si>
  <si>
    <t>Hospital pharmacies and pharmaceutical centres</t>
  </si>
  <si>
    <t>Hospital pharmacies and pharmaceutical centres register</t>
  </si>
  <si>
    <t xml:space="preserve">Name, street address and postal address for hospital pharmacy and pharmaceutical centre.
Contact details (name, work email, work phone, possible phone number for emergencies) for persons who manage hospital pharmacies and pharmaceutical centres and their substitutes.
During the COVID-19 pandemic, contact information for the procurement pharmacist at hospital pharmacies (name and work email) </t>
  </si>
  <si>
    <t>TLT</t>
  </si>
  <si>
    <t>Medical devices and supplies register</t>
  </si>
  <si>
    <t>Matters related to the registration and supervision of medical devices and supplies</t>
  </si>
  <si>
    <t>TLT emergency</t>
  </si>
  <si>
    <t>Emergency notification register</t>
  </si>
  <si>
    <t>Data on devices and software that cause emergency situations from different periods, email conversions related to the topic</t>
  </si>
  <si>
    <t>Actors’ inspection reports</t>
  </si>
  <si>
    <t>Retention of inspection reports for actors’ inspection visits</t>
  </si>
  <si>
    <t>Inspection reports and lists of shortcomings and deviations</t>
  </si>
  <si>
    <t>VirastoVAHVA</t>
  </si>
  <si>
    <t>Case management system</t>
  </si>
  <si>
    <t>Registration data and documents on pending matters
Medicine factory-related matters
Medicinal wholesale permit-related matters
Matters related to the operation of tissue and blood service providers
Drug permit-related matters
Matters related to paediatric medicines research programmes
Matters related to scientific advice (EMA) and medicines guidance (national)
Special permit-related matters
Matters related to temporary human and veterinary special permits
Organ, tissue and cell transplant-related matters
Organ, tissue and cell research permit-related matters
Marketing authorisation decision-related matters
Parallel import-related matters
Clinical drug trial-related matters
Medical device permit-related matters
Embryo research permit-related matters
Biobank permit-related matters
Matter related to clinical drug trial permits
The collection of personal date related to pending matters has been specified by subject area: 
names of persons, contact details, personal identity code or birthdat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sz val="10"/>
      <name val="Arial"/>
      <family val="2"/>
    </font>
    <font>
      <sz val="14"/>
      <color theme="1"/>
      <name val="Arial"/>
      <family val="2"/>
    </font>
    <font>
      <sz val="11"/>
      <name val="Arial"/>
      <family val="2"/>
    </font>
    <font>
      <sz val="11"/>
      <color theme="1"/>
      <name val="Arial"/>
      <family val="2"/>
    </font>
  </fonts>
  <fills count="3">
    <fill>
      <patternFill patternType="none"/>
    </fill>
    <fill>
      <patternFill patternType="gray125"/>
    </fill>
    <fill>
      <patternFill patternType="solid">
        <fgColor rgb="FFFFFF00"/>
        <bgColor indexed="64"/>
      </patternFill>
    </fill>
  </fills>
  <borders count="3">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19">
    <xf numFmtId="0" fontId="0" fillId="0" borderId="0" xfId="0"/>
    <xf numFmtId="49" fontId="3" fillId="0" borderId="1" xfId="1" applyNumberFormat="1" applyFont="1" applyFill="1" applyBorder="1" applyAlignment="1">
      <alignment horizontal="left" vertical="top" wrapText="1"/>
    </xf>
    <xf numFmtId="0" fontId="3" fillId="0" borderId="2" xfId="1" applyFont="1" applyFill="1" applyBorder="1" applyAlignment="1">
      <alignment horizontal="left" vertical="top" wrapText="1"/>
    </xf>
    <xf numFmtId="49" fontId="3" fillId="0" borderId="2" xfId="1" applyNumberFormat="1" applyFont="1" applyFill="1" applyBorder="1" applyAlignment="1">
      <alignment horizontal="left" vertical="top" wrapText="1"/>
    </xf>
    <xf numFmtId="0" fontId="2" fillId="0" borderId="0" xfId="0" applyFont="1"/>
    <xf numFmtId="0" fontId="0" fillId="2" borderId="0" xfId="0" applyFill="1"/>
    <xf numFmtId="0" fontId="0" fillId="0" borderId="0" xfId="0" applyFill="1"/>
    <xf numFmtId="0" fontId="2" fillId="0" borderId="2" xfId="0" applyFont="1" applyBorder="1" applyAlignment="1">
      <alignment vertical="top" wrapText="1"/>
    </xf>
    <xf numFmtId="0" fontId="4" fillId="0" borderId="0" xfId="0" applyFont="1" applyFill="1" applyAlignment="1">
      <alignment vertical="top" wrapText="1"/>
    </xf>
    <xf numFmtId="0" fontId="0" fillId="0" borderId="0" xfId="0" applyFill="1" applyAlignment="1">
      <alignment vertical="top" wrapText="1"/>
    </xf>
    <xf numFmtId="0" fontId="0" fillId="0" borderId="0" xfId="0" applyAlignment="1">
      <alignment vertical="top" wrapText="1"/>
    </xf>
    <xf numFmtId="0" fontId="2" fillId="0" borderId="2" xfId="0" applyFont="1" applyBorder="1" applyAlignment="1">
      <alignment horizontal="left" vertical="top" wrapText="1"/>
    </xf>
    <xf numFmtId="0" fontId="4" fillId="0" borderId="0" xfId="0" applyFont="1" applyFill="1" applyAlignment="1">
      <alignment horizontal="left" vertical="top" wrapText="1"/>
    </xf>
    <xf numFmtId="0" fontId="0" fillId="0" borderId="0" xfId="0" applyFill="1" applyAlignment="1">
      <alignment horizontal="left" vertical="top" wrapText="1"/>
    </xf>
    <xf numFmtId="0" fontId="0" fillId="0" borderId="0" xfId="0" applyAlignment="1">
      <alignment horizontal="left" vertical="top" wrapText="1"/>
    </xf>
    <xf numFmtId="49" fontId="3" fillId="0" borderId="1" xfId="1" applyNumberFormat="1" applyFont="1" applyFill="1" applyBorder="1" applyAlignment="1">
      <alignment vertical="top" wrapText="1"/>
    </xf>
    <xf numFmtId="0" fontId="2" fillId="0" borderId="0" xfId="0" applyFont="1" applyAlignment="1">
      <alignment wrapText="1"/>
    </xf>
    <xf numFmtId="0" fontId="0" fillId="0" borderId="0" xfId="0" applyAlignment="1">
      <alignment wrapText="1"/>
    </xf>
    <xf numFmtId="0" fontId="0" fillId="0" borderId="0" xfId="0" applyFill="1" applyAlignment="1">
      <alignment wrapText="1"/>
    </xf>
  </cellXfs>
  <cellStyles count="2">
    <cellStyle name="Normaali" xfId="0" builtinId="0"/>
    <cellStyle name="Normal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tee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CX46"/>
  <sheetViews>
    <sheetView tabSelected="1" workbookViewId="0">
      <selection activeCell="A21" sqref="A21"/>
    </sheetView>
  </sheetViews>
  <sheetFormatPr defaultRowHeight="14.4" x14ac:dyDescent="0.3"/>
  <cols>
    <col min="1" max="1" width="45.109375" style="10" customWidth="1"/>
    <col min="2" max="2" width="49.44140625" style="14" customWidth="1"/>
    <col min="3" max="3" width="50" style="14" customWidth="1"/>
    <col min="4" max="4" width="18.109375" style="17" customWidth="1"/>
  </cols>
  <sheetData>
    <row r="1" spans="1:102" s="4" customFormat="1" ht="35.4" customHeight="1" x14ac:dyDescent="0.3">
      <c r="A1" s="7" t="s">
        <v>0</v>
      </c>
      <c r="B1" s="11" t="s">
        <v>1</v>
      </c>
      <c r="C1" s="11" t="s">
        <v>2</v>
      </c>
      <c r="D1" s="16"/>
    </row>
    <row r="2" spans="1:102" ht="33.6" customHeight="1" x14ac:dyDescent="0.3">
      <c r="A2" s="1" t="s">
        <v>3</v>
      </c>
      <c r="B2" s="2" t="s">
        <v>4</v>
      </c>
      <c r="C2" s="2" t="s">
        <v>5</v>
      </c>
    </row>
    <row r="3" spans="1:102" s="5" customFormat="1" ht="49.8" customHeight="1" x14ac:dyDescent="0.3">
      <c r="A3" s="1" t="s">
        <v>6</v>
      </c>
      <c r="B3" s="2" t="s">
        <v>7</v>
      </c>
      <c r="C3" s="2" t="s">
        <v>8</v>
      </c>
      <c r="D3" s="18"/>
      <c r="E3" s="6"/>
      <c r="F3" s="6"/>
      <c r="G3" s="6"/>
      <c r="H3" s="6"/>
      <c r="I3" s="6"/>
      <c r="J3" s="6"/>
      <c r="K3" s="6"/>
      <c r="L3" s="6"/>
      <c r="M3" s="6"/>
      <c r="N3" s="6"/>
      <c r="O3" s="6"/>
      <c r="P3" s="6"/>
      <c r="Q3" s="6"/>
      <c r="R3" s="6"/>
      <c r="S3" s="6"/>
      <c r="T3" s="6"/>
      <c r="U3" s="6"/>
      <c r="V3" s="6"/>
      <c r="W3" s="6"/>
      <c r="X3" s="6"/>
      <c r="Y3" s="6"/>
      <c r="Z3" s="6"/>
    </row>
    <row r="4" spans="1:102" s="6" customFormat="1" ht="25.2" customHeight="1" x14ac:dyDescent="0.3">
      <c r="A4" s="1" t="s">
        <v>9</v>
      </c>
      <c r="B4" s="2" t="s">
        <v>10</v>
      </c>
      <c r="C4" s="2" t="s">
        <v>11</v>
      </c>
      <c r="D4" s="18"/>
    </row>
    <row r="5" spans="1:102" s="5" customFormat="1" ht="61.2" customHeight="1" x14ac:dyDescent="0.3">
      <c r="A5" s="1" t="s">
        <v>12</v>
      </c>
      <c r="B5" s="2" t="s">
        <v>13</v>
      </c>
      <c r="C5" s="2" t="s">
        <v>14</v>
      </c>
      <c r="D5" s="18"/>
      <c r="E5" s="6"/>
      <c r="F5" s="6"/>
      <c r="G5" s="6"/>
      <c r="H5" s="6"/>
      <c r="I5" s="6"/>
      <c r="J5" s="6"/>
      <c r="K5" s="6"/>
      <c r="L5" s="6"/>
      <c r="M5" s="6"/>
      <c r="N5" s="6"/>
      <c r="O5" s="6"/>
      <c r="P5" s="6"/>
      <c r="Q5" s="6"/>
      <c r="R5" s="6"/>
      <c r="S5" s="6"/>
      <c r="T5" s="6"/>
    </row>
    <row r="6" spans="1:102" s="5" customFormat="1" ht="105.6" customHeight="1" x14ac:dyDescent="0.3">
      <c r="A6" s="15" t="s">
        <v>15</v>
      </c>
      <c r="B6" s="2" t="s">
        <v>16</v>
      </c>
      <c r="C6" s="2" t="s">
        <v>17</v>
      </c>
      <c r="D6" s="18"/>
      <c r="E6" s="6"/>
      <c r="F6" s="6"/>
      <c r="G6" s="6"/>
      <c r="H6" s="6"/>
      <c r="I6" s="6"/>
      <c r="J6" s="6"/>
      <c r="K6" s="6"/>
      <c r="L6" s="6"/>
      <c r="M6" s="6"/>
      <c r="N6" s="6"/>
      <c r="O6" s="6"/>
      <c r="P6" s="6"/>
      <c r="Q6" s="6"/>
      <c r="R6" s="6"/>
      <c r="S6" s="6"/>
      <c r="T6" s="6"/>
    </row>
    <row r="7" spans="1:102" s="5" customFormat="1" ht="207" x14ac:dyDescent="0.3">
      <c r="A7" s="1" t="s">
        <v>18</v>
      </c>
      <c r="B7" s="2" t="s">
        <v>19</v>
      </c>
      <c r="C7" s="2" t="s">
        <v>20</v>
      </c>
      <c r="D7" s="18"/>
      <c r="E7" s="6"/>
      <c r="F7" s="6"/>
      <c r="G7" s="6"/>
      <c r="H7" s="6"/>
      <c r="I7" s="6"/>
      <c r="J7" s="6"/>
      <c r="K7" s="6"/>
      <c r="L7" s="6"/>
      <c r="M7" s="6"/>
      <c r="N7" s="6"/>
      <c r="O7" s="6"/>
      <c r="P7" s="6"/>
      <c r="Q7" s="6"/>
      <c r="R7" s="6"/>
      <c r="S7" s="6"/>
      <c r="T7" s="6"/>
      <c r="U7" s="6"/>
      <c r="V7" s="6"/>
      <c r="W7" s="6"/>
      <c r="X7" s="6"/>
      <c r="Y7" s="6"/>
      <c r="Z7" s="6"/>
      <c r="AA7" s="6"/>
      <c r="AB7" s="6"/>
      <c r="AC7" s="6"/>
      <c r="AD7" s="6"/>
      <c r="AE7" s="6"/>
      <c r="AF7" s="6"/>
      <c r="AG7" s="6"/>
      <c r="AH7" s="6"/>
      <c r="AI7" s="6"/>
      <c r="AJ7" s="6"/>
      <c r="AK7" s="6"/>
      <c r="AL7" s="6"/>
      <c r="AM7" s="6"/>
      <c r="AN7" s="6"/>
      <c r="AO7" s="6"/>
      <c r="AP7" s="6"/>
      <c r="AQ7" s="6"/>
      <c r="AR7" s="6"/>
      <c r="AS7" s="6"/>
      <c r="AT7" s="6"/>
      <c r="AU7" s="6"/>
      <c r="AV7" s="6"/>
      <c r="AW7" s="6"/>
      <c r="AX7" s="6"/>
      <c r="AY7" s="6"/>
      <c r="AZ7" s="6"/>
      <c r="BA7" s="6"/>
      <c r="BB7" s="6"/>
      <c r="BC7" s="6"/>
      <c r="BD7" s="6"/>
      <c r="BE7" s="6"/>
      <c r="BF7" s="6"/>
      <c r="BG7" s="6"/>
      <c r="BH7" s="6"/>
      <c r="BI7" s="6"/>
      <c r="BJ7" s="6"/>
      <c r="BK7" s="6"/>
      <c r="BL7" s="6"/>
      <c r="BM7" s="6"/>
      <c r="BN7" s="6"/>
      <c r="BO7" s="6"/>
      <c r="BP7" s="6"/>
      <c r="BQ7" s="6"/>
      <c r="BR7" s="6"/>
      <c r="BS7" s="6"/>
      <c r="BT7" s="6"/>
      <c r="BU7" s="6"/>
      <c r="BV7" s="6"/>
      <c r="BW7" s="6"/>
      <c r="BX7" s="6"/>
      <c r="BY7" s="6"/>
      <c r="BZ7" s="6"/>
      <c r="CA7" s="6"/>
      <c r="CB7" s="6"/>
      <c r="CC7" s="6"/>
      <c r="CD7" s="6"/>
      <c r="CE7" s="6"/>
      <c r="CF7" s="6"/>
      <c r="CG7" s="6"/>
      <c r="CH7" s="6"/>
      <c r="CI7" s="6"/>
      <c r="CJ7" s="6"/>
      <c r="CK7" s="6"/>
      <c r="CL7" s="6"/>
      <c r="CM7" s="6"/>
      <c r="CN7" s="6"/>
      <c r="CO7" s="6"/>
      <c r="CP7" s="6"/>
      <c r="CQ7" s="6"/>
      <c r="CR7" s="6"/>
      <c r="CS7" s="6"/>
      <c r="CT7" s="6"/>
      <c r="CU7" s="6"/>
      <c r="CV7" s="6"/>
      <c r="CW7" s="6"/>
      <c r="CX7" s="6"/>
    </row>
    <row r="8" spans="1:102" ht="46.2" customHeight="1" x14ac:dyDescent="0.3">
      <c r="A8" s="1" t="s">
        <v>21</v>
      </c>
      <c r="B8" s="2" t="s">
        <v>22</v>
      </c>
      <c r="C8" s="2" t="s">
        <v>23</v>
      </c>
    </row>
    <row r="9" spans="1:102" ht="115.8" customHeight="1" x14ac:dyDescent="0.3">
      <c r="A9" s="1" t="s">
        <v>24</v>
      </c>
      <c r="B9" s="2" t="s">
        <v>25</v>
      </c>
      <c r="C9" s="2" t="s">
        <v>26</v>
      </c>
    </row>
    <row r="10" spans="1:102" ht="132" customHeight="1" x14ac:dyDescent="0.3">
      <c r="A10" s="15" t="s">
        <v>27</v>
      </c>
      <c r="B10" s="2" t="s">
        <v>28</v>
      </c>
      <c r="C10" s="2" t="s">
        <v>29</v>
      </c>
    </row>
    <row r="11" spans="1:102" s="5" customFormat="1" ht="33.6" customHeight="1" x14ac:dyDescent="0.3">
      <c r="A11" s="1" t="s">
        <v>30</v>
      </c>
      <c r="B11" s="2" t="s">
        <v>31</v>
      </c>
      <c r="C11" s="2" t="s">
        <v>32</v>
      </c>
      <c r="D11" s="18"/>
      <c r="E11" s="6"/>
      <c r="F11" s="6"/>
      <c r="G11" s="6"/>
      <c r="H11" s="6"/>
      <c r="I11" s="6"/>
      <c r="J11" s="6"/>
      <c r="K11" s="6"/>
      <c r="L11" s="6"/>
      <c r="M11" s="6"/>
      <c r="N11" s="6"/>
      <c r="O11" s="6"/>
      <c r="P11" s="6"/>
      <c r="Q11" s="6"/>
      <c r="R11" s="6"/>
      <c r="S11" s="6"/>
      <c r="T11" s="6"/>
      <c r="U11" s="6"/>
      <c r="V11" s="6"/>
      <c r="W11" s="6"/>
      <c r="X11" s="6"/>
      <c r="Y11" s="6"/>
      <c r="Z11" s="6"/>
      <c r="AA11" s="6"/>
      <c r="AB11" s="6"/>
      <c r="AC11" s="6"/>
    </row>
    <row r="12" spans="1:102" ht="32.4" customHeight="1" x14ac:dyDescent="0.3">
      <c r="A12" s="1" t="s">
        <v>33</v>
      </c>
      <c r="B12" s="2" t="s">
        <v>34</v>
      </c>
      <c r="C12" s="2" t="s">
        <v>35</v>
      </c>
      <c r="D12" s="18"/>
      <c r="E12" s="6"/>
      <c r="F12" s="6"/>
      <c r="G12" s="6"/>
      <c r="H12" s="6"/>
      <c r="I12" s="6"/>
      <c r="J12" s="6"/>
      <c r="K12" s="6"/>
      <c r="L12" s="6"/>
      <c r="M12" s="6"/>
      <c r="N12" s="6"/>
      <c r="O12" s="6"/>
      <c r="P12" s="6"/>
      <c r="Q12" s="6"/>
      <c r="R12" s="6"/>
      <c r="S12" s="6"/>
      <c r="T12" s="6"/>
      <c r="U12" s="6"/>
      <c r="V12" s="6"/>
      <c r="W12" s="6"/>
      <c r="X12" s="6"/>
      <c r="Y12" s="6"/>
      <c r="Z12" s="6"/>
      <c r="AA12" s="6"/>
      <c r="AB12" s="6"/>
      <c r="AC12" s="6"/>
    </row>
    <row r="13" spans="1:102" ht="36.6" customHeight="1" x14ac:dyDescent="0.3">
      <c r="A13" s="1" t="s">
        <v>36</v>
      </c>
      <c r="B13" s="2" t="s">
        <v>37</v>
      </c>
      <c r="C13" s="2" t="s">
        <v>38</v>
      </c>
    </row>
    <row r="14" spans="1:102" ht="37.200000000000003" customHeight="1" x14ac:dyDescent="0.3">
      <c r="A14" s="1" t="s">
        <v>39</v>
      </c>
      <c r="B14" s="2" t="s">
        <v>40</v>
      </c>
      <c r="C14" s="2" t="s">
        <v>41</v>
      </c>
    </row>
    <row r="15" spans="1:102" ht="38.4" customHeight="1" x14ac:dyDescent="0.3">
      <c r="A15" s="1" t="s">
        <v>42</v>
      </c>
      <c r="B15" s="2" t="s">
        <v>43</v>
      </c>
      <c r="C15" s="2" t="s">
        <v>44</v>
      </c>
    </row>
    <row r="16" spans="1:102" ht="24" customHeight="1" x14ac:dyDescent="0.3">
      <c r="A16" s="1" t="s">
        <v>45</v>
      </c>
      <c r="B16" s="2" t="s">
        <v>46</v>
      </c>
      <c r="C16" s="2" t="s">
        <v>47</v>
      </c>
    </row>
    <row r="17" spans="1:50" ht="43.2" customHeight="1" x14ac:dyDescent="0.3">
      <c r="A17" s="1" t="s">
        <v>48</v>
      </c>
      <c r="B17" s="2" t="s">
        <v>49</v>
      </c>
      <c r="C17" s="2" t="s">
        <v>50</v>
      </c>
    </row>
    <row r="18" spans="1:50" ht="36" customHeight="1" x14ac:dyDescent="0.3">
      <c r="A18" s="1" t="s">
        <v>51</v>
      </c>
      <c r="B18" s="2" t="s">
        <v>52</v>
      </c>
      <c r="C18" s="2" t="s">
        <v>53</v>
      </c>
    </row>
    <row r="19" spans="1:50" ht="38.4" customHeight="1" x14ac:dyDescent="0.3">
      <c r="A19" s="1" t="s">
        <v>51</v>
      </c>
      <c r="B19" s="2" t="s">
        <v>54</v>
      </c>
      <c r="C19" s="2" t="s">
        <v>55</v>
      </c>
    </row>
    <row r="20" spans="1:50" s="5" customFormat="1" ht="77.400000000000006" customHeight="1" x14ac:dyDescent="0.3">
      <c r="A20" s="1" t="s">
        <v>56</v>
      </c>
      <c r="B20" s="2"/>
      <c r="C20" s="2" t="s">
        <v>57</v>
      </c>
      <c r="D20" s="18"/>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6"/>
      <c r="AL20" s="6"/>
      <c r="AM20" s="6"/>
      <c r="AN20" s="6"/>
      <c r="AO20" s="6"/>
      <c r="AP20" s="6"/>
      <c r="AQ20" s="6"/>
      <c r="AR20" s="6"/>
      <c r="AS20" s="6"/>
      <c r="AT20" s="6"/>
      <c r="AU20" s="6"/>
      <c r="AV20" s="6"/>
      <c r="AW20" s="6"/>
      <c r="AX20" s="6"/>
    </row>
    <row r="21" spans="1:50" s="6" customFormat="1" ht="70.2" customHeight="1" x14ac:dyDescent="0.3">
      <c r="A21" s="1" t="s">
        <v>58</v>
      </c>
      <c r="B21" s="2" t="s">
        <v>59</v>
      </c>
      <c r="C21" s="2" t="s">
        <v>60</v>
      </c>
      <c r="D21" s="18"/>
    </row>
    <row r="22" spans="1:50" s="5" customFormat="1" ht="52.8" customHeight="1" x14ac:dyDescent="0.3">
      <c r="A22" s="1" t="s">
        <v>61</v>
      </c>
      <c r="B22" s="2" t="s">
        <v>62</v>
      </c>
      <c r="C22" s="2" t="s">
        <v>63</v>
      </c>
      <c r="D22" s="18"/>
      <c r="E22" s="6"/>
      <c r="F22" s="6"/>
      <c r="G22" s="6"/>
      <c r="H22" s="6"/>
      <c r="I22" s="6"/>
      <c r="J22" s="6"/>
      <c r="K22" s="6"/>
      <c r="L22" s="6"/>
      <c r="M22" s="6"/>
      <c r="N22" s="6"/>
      <c r="O22" s="6"/>
      <c r="P22" s="6"/>
      <c r="Q22" s="6"/>
      <c r="R22" s="6"/>
      <c r="S22" s="6"/>
      <c r="T22" s="6"/>
      <c r="U22" s="6"/>
      <c r="V22" s="6"/>
      <c r="W22" s="6"/>
      <c r="X22" s="6"/>
      <c r="Y22" s="6"/>
      <c r="Z22" s="6"/>
    </row>
    <row r="23" spans="1:50" ht="72.599999999999994" customHeight="1" x14ac:dyDescent="0.3">
      <c r="A23" s="1" t="s">
        <v>64</v>
      </c>
      <c r="B23" s="2" t="s">
        <v>65</v>
      </c>
      <c r="C23" s="2" t="s">
        <v>66</v>
      </c>
      <c r="D23" s="18"/>
      <c r="E23" s="6"/>
      <c r="F23" s="6"/>
      <c r="G23" s="6"/>
      <c r="H23" s="6"/>
      <c r="I23" s="6"/>
      <c r="J23" s="6"/>
      <c r="K23" s="6"/>
      <c r="L23" s="6"/>
      <c r="M23" s="6"/>
      <c r="N23" s="6"/>
      <c r="O23" s="6"/>
      <c r="P23" s="6"/>
      <c r="Q23" s="6"/>
      <c r="R23" s="6"/>
      <c r="S23" s="6"/>
      <c r="T23" s="6"/>
      <c r="U23" s="6"/>
      <c r="V23" s="6"/>
      <c r="W23" s="6"/>
      <c r="X23" s="6"/>
      <c r="Y23" s="6"/>
      <c r="Z23" s="6"/>
    </row>
    <row r="24" spans="1:50" ht="130.80000000000001" customHeight="1" x14ac:dyDescent="0.3">
      <c r="A24" s="1" t="s">
        <v>67</v>
      </c>
      <c r="B24" s="2" t="s">
        <v>68</v>
      </c>
      <c r="C24" s="2" t="s">
        <v>69</v>
      </c>
    </row>
    <row r="25" spans="1:50" ht="48" customHeight="1" x14ac:dyDescent="0.3">
      <c r="A25" s="3" t="s">
        <v>70</v>
      </c>
      <c r="B25" s="2" t="s">
        <v>71</v>
      </c>
      <c r="C25" s="2" t="s">
        <v>72</v>
      </c>
    </row>
    <row r="26" spans="1:50" ht="57" customHeight="1" x14ac:dyDescent="0.3">
      <c r="A26" s="3" t="s">
        <v>73</v>
      </c>
      <c r="B26" s="2" t="s">
        <v>74</v>
      </c>
      <c r="C26" s="2" t="s">
        <v>75</v>
      </c>
    </row>
    <row r="27" spans="1:50" ht="42.6" customHeight="1" x14ac:dyDescent="0.3">
      <c r="A27" s="3" t="s">
        <v>76</v>
      </c>
      <c r="B27" s="2" t="s">
        <v>77</v>
      </c>
      <c r="C27" s="2" t="s">
        <v>78</v>
      </c>
    </row>
    <row r="28" spans="1:50" ht="354.6" customHeight="1" x14ac:dyDescent="0.3">
      <c r="A28" s="3" t="s">
        <v>79</v>
      </c>
      <c r="B28" s="2" t="s">
        <v>80</v>
      </c>
      <c r="C28" s="2" t="s">
        <v>81</v>
      </c>
    </row>
    <row r="29" spans="1:50" x14ac:dyDescent="0.3">
      <c r="A29" s="8"/>
      <c r="B29" s="12"/>
      <c r="C29" s="12"/>
    </row>
    <row r="30" spans="1:50" x14ac:dyDescent="0.3">
      <c r="A30" s="8"/>
      <c r="B30" s="12"/>
      <c r="C30" s="12"/>
    </row>
    <row r="31" spans="1:50" x14ac:dyDescent="0.3">
      <c r="A31" s="8"/>
      <c r="B31" s="12"/>
      <c r="C31" s="12"/>
    </row>
    <row r="32" spans="1:50" x14ac:dyDescent="0.3">
      <c r="A32" s="9"/>
      <c r="B32" s="13"/>
      <c r="C32" s="13"/>
    </row>
    <row r="33" spans="1:3" x14ac:dyDescent="0.3">
      <c r="A33" s="9"/>
      <c r="B33" s="13"/>
      <c r="C33" s="13"/>
    </row>
    <row r="34" spans="1:3" x14ac:dyDescent="0.3">
      <c r="A34" s="9"/>
      <c r="B34" s="13"/>
      <c r="C34" s="13"/>
    </row>
    <row r="35" spans="1:3" x14ac:dyDescent="0.3">
      <c r="A35" s="9"/>
      <c r="B35" s="13"/>
      <c r="C35" s="13"/>
    </row>
    <row r="36" spans="1:3" x14ac:dyDescent="0.3">
      <c r="A36" s="9"/>
      <c r="B36" s="13"/>
      <c r="C36" s="13"/>
    </row>
    <row r="37" spans="1:3" x14ac:dyDescent="0.3">
      <c r="A37" s="9"/>
      <c r="B37" s="13"/>
      <c r="C37" s="13"/>
    </row>
    <row r="38" spans="1:3" x14ac:dyDescent="0.3">
      <c r="A38" s="9"/>
      <c r="B38" s="13"/>
      <c r="C38" s="13"/>
    </row>
    <row r="39" spans="1:3" x14ac:dyDescent="0.3">
      <c r="A39" s="9"/>
      <c r="B39" s="13"/>
      <c r="C39" s="13"/>
    </row>
    <row r="40" spans="1:3" x14ac:dyDescent="0.3">
      <c r="A40" s="9"/>
      <c r="B40" s="13"/>
      <c r="C40" s="13"/>
    </row>
    <row r="41" spans="1:3" x14ac:dyDescent="0.3">
      <c r="A41" s="9"/>
      <c r="B41" s="13"/>
      <c r="C41" s="13"/>
    </row>
    <row r="42" spans="1:3" x14ac:dyDescent="0.3">
      <c r="A42" s="9"/>
      <c r="B42" s="13"/>
      <c r="C42" s="13"/>
    </row>
    <row r="43" spans="1:3" x14ac:dyDescent="0.3">
      <c r="A43" s="9"/>
      <c r="B43" s="13"/>
      <c r="C43" s="13"/>
    </row>
    <row r="44" spans="1:3" x14ac:dyDescent="0.3">
      <c r="A44" s="9"/>
      <c r="B44" s="13"/>
      <c r="C44" s="13"/>
    </row>
    <row r="45" spans="1:3" x14ac:dyDescent="0.3">
      <c r="A45" s="9"/>
      <c r="B45" s="13"/>
      <c r="C45" s="13"/>
    </row>
    <row r="46" spans="1:3" x14ac:dyDescent="0.3">
      <c r="A46" s="9"/>
      <c r="B46" s="13"/>
      <c r="C46" s="13"/>
    </row>
  </sheetData>
  <sortState ref="A1:D79">
    <sortCondition ref="A1"/>
  </sortState>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2D9AFA0F53A8D4FA2E7FA71215AAB63" ma:contentTypeVersion="0" ma:contentTypeDescription="Create a new document." ma:contentTypeScope="" ma:versionID="d8ce92ca46515de2aca801ffe0e1df69">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1166DBC5-F05F-4503-898E-868F8503F45D}">
  <ds:schemaRefs>
    <ds:schemaRef ds:uri="http://schemas.microsoft.com/sharepoint/v3/contenttype/forms"/>
  </ds:schemaRefs>
</ds:datastoreItem>
</file>

<file path=customXml/itemProps2.xml><?xml version="1.0" encoding="utf-8"?>
<ds:datastoreItem xmlns:ds="http://schemas.openxmlformats.org/officeDocument/2006/customXml" ds:itemID="{98081022-BD88-4961-9796-488A06D57D7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A13EE497-257A-4564-A8AA-683826B8349F}">
  <ds:schemaRefs>
    <ds:schemaRef ds:uri="http://purl.org/dc/terms/"/>
    <ds:schemaRef ds:uri="http://schemas.microsoft.com/office/2006/metadata/properties"/>
    <ds:schemaRef ds:uri="http://purl.org/dc/dcmitype/"/>
    <ds:schemaRef ds:uri="http://schemas.microsoft.com/office/2006/documentManagement/types"/>
    <ds:schemaRef ds:uri="http://schemas.openxmlformats.org/package/2006/metadata/core-properties"/>
    <ds:schemaRef ds:uri="http://www.w3.org/XML/1998/namespace"/>
    <ds:schemaRef ds:uri="http://purl.org/dc/elements/1.1/"/>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Laskentataulukot</vt:lpstr>
      </vt:variant>
      <vt:variant>
        <vt:i4>1</vt:i4>
      </vt:variant>
    </vt:vector>
  </HeadingPairs>
  <TitlesOfParts>
    <vt:vector size="1" baseType="lpstr">
      <vt:lpstr>Sheet1</vt:lpstr>
    </vt:vector>
  </TitlesOfParts>
  <Company>Fime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ohjonen Jaana</dc:creator>
  <cp:lastModifiedBy>Hyttinen Sanna</cp:lastModifiedBy>
  <dcterms:created xsi:type="dcterms:W3CDTF">2020-12-14T12:17:37Z</dcterms:created>
  <dcterms:modified xsi:type="dcterms:W3CDTF">2021-05-25T07:42: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2D9AFA0F53A8D4FA2E7FA71215AAB63</vt:lpwstr>
  </property>
</Properties>
</file>